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27D87228-43C8-4508-B8B0-2782ECCBE28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4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4'!$A$1:$K$39</definedName>
    <definedName name="_xlnm.Print_Titles" localSheetId="0">'14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7" uniqueCount="57">
  <si>
    <t>現在高</t>
    <rPh sb="0" eb="2">
      <t>ゲンザイ</t>
    </rPh>
    <rPh sb="2" eb="3">
      <t>ダカ</t>
    </rPh>
    <phoneticPr fontId="0"/>
  </si>
  <si>
    <t>発行額</t>
    <rPh sb="0" eb="3">
      <t>ハッコウガク</t>
    </rPh>
    <phoneticPr fontId="0"/>
  </si>
  <si>
    <t>元金</t>
    <rPh sb="0" eb="2">
      <t>ガンキン</t>
    </rPh>
    <phoneticPr fontId="0"/>
  </si>
  <si>
    <t>利子</t>
    <rPh sb="0" eb="2">
      <t>リシ</t>
    </rPh>
    <phoneticPr fontId="0"/>
  </si>
  <si>
    <t>計</t>
    <rPh sb="0" eb="1">
      <t>ケイ</t>
    </rPh>
    <phoneticPr fontId="0"/>
  </si>
  <si>
    <t>特定財源</t>
    <rPh sb="0" eb="2">
      <t>トクテイ</t>
    </rPh>
    <rPh sb="2" eb="4">
      <t>ザイゲン</t>
    </rPh>
    <phoneticPr fontId="0"/>
  </si>
  <si>
    <t>一般財源等</t>
    <rPh sb="0" eb="2">
      <t>イッパン</t>
    </rPh>
    <rPh sb="2" eb="4">
      <t>ザイゲン</t>
    </rPh>
    <rPh sb="4" eb="5">
      <t>トウ</t>
    </rPh>
    <phoneticPr fontId="0"/>
  </si>
  <si>
    <t>財源対策債</t>
  </si>
  <si>
    <t>現在高</t>
    <rPh sb="0" eb="2">
      <t>ゲンザイ</t>
    </rPh>
    <rPh sb="2" eb="3">
      <t>タカ</t>
    </rPh>
    <phoneticPr fontId="2"/>
  </si>
  <si>
    <t>Ａ</t>
  </si>
  <si>
    <t>Ｂ</t>
  </si>
  <si>
    <t>Ｃ</t>
  </si>
  <si>
    <t>Ｄ</t>
  </si>
  <si>
    <t>現在高</t>
    <phoneticPr fontId="2"/>
  </si>
  <si>
    <t>調整額</t>
    <rPh sb="0" eb="2">
      <t>チョウセイ</t>
    </rPh>
    <rPh sb="2" eb="3">
      <t>ガク</t>
    </rPh>
    <phoneticPr fontId="2"/>
  </si>
  <si>
    <t>Ｅ</t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  <si>
    <t>Ｅの財源内訳</t>
    <rPh sb="2" eb="4">
      <t>ザイゲン</t>
    </rPh>
    <rPh sb="4" eb="6">
      <t>ウチワケ</t>
    </rPh>
    <phoneticPr fontId="0"/>
  </si>
  <si>
    <t>令和５年度末</t>
    <rPh sb="0" eb="2">
      <t>レイワ</t>
    </rPh>
    <rPh sb="3" eb="6">
      <t>ネンドマツ</t>
    </rPh>
    <phoneticPr fontId="0"/>
  </si>
  <si>
    <t>Ａ＋Ｂ＋Ｃ－Ｄ</t>
    <phoneticPr fontId="2"/>
  </si>
  <si>
    <t>令和６年度</t>
    <rPh sb="0" eb="2">
      <t>レイワ</t>
    </rPh>
    <rPh sb="3" eb="5">
      <t>ネンド</t>
    </rPh>
    <phoneticPr fontId="0"/>
  </si>
  <si>
    <t>令和６年度元利償還額</t>
    <rPh sb="0" eb="2">
      <t>レイワ</t>
    </rPh>
    <rPh sb="3" eb="5">
      <t>ネンド</t>
    </rPh>
    <rPh sb="5" eb="7">
      <t>ガンリ</t>
    </rPh>
    <rPh sb="7" eb="10">
      <t>ショウカンガク</t>
    </rPh>
    <phoneticPr fontId="0"/>
  </si>
  <si>
    <t>令和６年度末</t>
    <rPh sb="0" eb="2">
      <t>レイワ</t>
    </rPh>
    <rPh sb="5" eb="6">
      <t>マツ</t>
    </rPh>
    <phoneticPr fontId="1"/>
  </si>
  <si>
    <t>令和６年度末</t>
    <rPh sb="0" eb="2">
      <t>レイワ</t>
    </rPh>
    <rPh sb="3" eb="6">
      <t>ネンドマツ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6" xfId="0" applyNumberFormat="1" applyFont="1" applyBorder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L39"/>
  <sheetViews>
    <sheetView tabSelected="1" zoomScaleNormal="100" zoomScaleSheetLayoutView="100" workbookViewId="0"/>
  </sheetViews>
  <sheetFormatPr defaultColWidth="9.19921875" defaultRowHeight="10.8"/>
  <cols>
    <col min="1" max="1" width="14.09765625" style="17" customWidth="1"/>
    <col min="2" max="16384" width="9.19921875" style="9"/>
  </cols>
  <sheetData>
    <row r="1" spans="1:12" s="3" customFormat="1" ht="17.25" customHeight="1">
      <c r="A1" s="1"/>
      <c r="B1" s="1"/>
      <c r="C1" s="1"/>
      <c r="D1" s="1"/>
      <c r="E1" s="2" t="s">
        <v>54</v>
      </c>
      <c r="F1" s="2"/>
      <c r="G1" s="2"/>
      <c r="H1" s="2" t="s">
        <v>50</v>
      </c>
      <c r="I1" s="2"/>
      <c r="J1" s="1"/>
      <c r="K1" s="1"/>
    </row>
    <row r="2" spans="1:12" s="3" customFormat="1" ht="17.25" customHeight="1">
      <c r="A2" s="4"/>
      <c r="B2" s="4" t="s">
        <v>51</v>
      </c>
      <c r="C2" s="4" t="s">
        <v>53</v>
      </c>
      <c r="D2" s="4" t="s">
        <v>14</v>
      </c>
      <c r="E2" s="4"/>
      <c r="F2" s="4"/>
      <c r="G2" s="4"/>
      <c r="H2" s="1"/>
      <c r="I2" s="1"/>
      <c r="J2" s="4" t="s">
        <v>55</v>
      </c>
      <c r="K2" s="4" t="s">
        <v>56</v>
      </c>
    </row>
    <row r="3" spans="1:12" s="3" customFormat="1" ht="17.25" customHeight="1">
      <c r="A3" s="4"/>
      <c r="B3" s="4" t="s">
        <v>0</v>
      </c>
      <c r="C3" s="4" t="s">
        <v>1</v>
      </c>
      <c r="D3" s="4"/>
      <c r="E3" s="4" t="s">
        <v>2</v>
      </c>
      <c r="F3" s="4" t="s">
        <v>3</v>
      </c>
      <c r="G3" s="4" t="s">
        <v>4</v>
      </c>
      <c r="H3" s="4" t="s">
        <v>5</v>
      </c>
      <c r="I3" s="4" t="s">
        <v>6</v>
      </c>
      <c r="J3" s="4" t="s">
        <v>13</v>
      </c>
      <c r="K3" s="5" t="s">
        <v>7</v>
      </c>
    </row>
    <row r="4" spans="1:12" s="3" customFormat="1" ht="17.25" customHeight="1">
      <c r="A4" s="4"/>
      <c r="B4" s="4"/>
      <c r="C4" s="4"/>
      <c r="D4" s="4"/>
      <c r="E4" s="4"/>
      <c r="F4" s="4"/>
      <c r="G4" s="4"/>
      <c r="H4" s="4"/>
      <c r="I4" s="4"/>
      <c r="J4" s="4"/>
      <c r="K4" s="4" t="s">
        <v>8</v>
      </c>
    </row>
    <row r="5" spans="1:12" s="3" customFormat="1" ht="17.25" customHeight="1">
      <c r="A5" s="6"/>
      <c r="B5" s="6" t="s">
        <v>9</v>
      </c>
      <c r="C5" s="6" t="s">
        <v>10</v>
      </c>
      <c r="D5" s="6" t="s">
        <v>11</v>
      </c>
      <c r="E5" s="6" t="s">
        <v>12</v>
      </c>
      <c r="F5" s="6"/>
      <c r="G5" s="6" t="s">
        <v>15</v>
      </c>
      <c r="H5" s="6"/>
      <c r="I5" s="6"/>
      <c r="J5" s="4" t="s">
        <v>52</v>
      </c>
      <c r="K5" s="6"/>
    </row>
    <row r="6" spans="1:12" ht="17.25" customHeight="1">
      <c r="A6" s="7" t="s">
        <v>16</v>
      </c>
      <c r="B6" s="8">
        <v>2299504184</v>
      </c>
      <c r="C6" s="8">
        <v>109571020</v>
      </c>
      <c r="D6" s="8">
        <v>0</v>
      </c>
      <c r="E6" s="8">
        <v>172598259</v>
      </c>
      <c r="F6" s="8">
        <v>21917707</v>
      </c>
      <c r="G6" s="8">
        <v>194515966</v>
      </c>
      <c r="H6" s="8">
        <v>29941415</v>
      </c>
      <c r="I6" s="8">
        <v>164574551</v>
      </c>
      <c r="J6" s="8">
        <v>2236476945</v>
      </c>
      <c r="K6" s="8">
        <v>138387791</v>
      </c>
    </row>
    <row r="7" spans="1:12" s="12" customFormat="1" ht="17.25" customHeight="1">
      <c r="A7" s="10" t="s">
        <v>17</v>
      </c>
      <c r="B7" s="11">
        <v>815731771</v>
      </c>
      <c r="C7" s="11">
        <v>58284000</v>
      </c>
      <c r="D7" s="11">
        <v>0</v>
      </c>
      <c r="E7" s="11">
        <v>65067220</v>
      </c>
      <c r="F7" s="11">
        <v>9292663</v>
      </c>
      <c r="G7" s="11">
        <v>74359883</v>
      </c>
      <c r="H7" s="11">
        <v>3215918</v>
      </c>
      <c r="I7" s="11">
        <v>71143965</v>
      </c>
      <c r="J7" s="11">
        <v>808948551</v>
      </c>
      <c r="K7" s="11">
        <v>60074635</v>
      </c>
      <c r="L7" s="9"/>
    </row>
    <row r="8" spans="1:12" ht="17.25" customHeight="1">
      <c r="A8" s="18" t="s">
        <v>18</v>
      </c>
      <c r="B8" s="19">
        <v>258186998</v>
      </c>
      <c r="C8" s="19">
        <v>18603000</v>
      </c>
      <c r="D8" s="19">
        <v>0</v>
      </c>
      <c r="E8" s="19">
        <v>26772210</v>
      </c>
      <c r="F8" s="19">
        <v>1014684</v>
      </c>
      <c r="G8" s="19">
        <v>27786894</v>
      </c>
      <c r="H8" s="19">
        <v>586445</v>
      </c>
      <c r="I8" s="19">
        <v>27200449</v>
      </c>
      <c r="J8" s="19">
        <v>250017788</v>
      </c>
      <c r="K8" s="19">
        <v>6869016</v>
      </c>
    </row>
    <row r="9" spans="1:12" ht="17.25" customHeight="1">
      <c r="A9" s="10" t="s">
        <v>19</v>
      </c>
      <c r="B9" s="11">
        <v>185184664</v>
      </c>
      <c r="C9" s="11">
        <v>10533800</v>
      </c>
      <c r="D9" s="11">
        <v>13</v>
      </c>
      <c r="E9" s="11">
        <v>16860199</v>
      </c>
      <c r="F9" s="11">
        <v>541138</v>
      </c>
      <c r="G9" s="11">
        <v>17401337</v>
      </c>
      <c r="H9" s="11">
        <v>219621</v>
      </c>
      <c r="I9" s="11">
        <v>17181716</v>
      </c>
      <c r="J9" s="11">
        <v>178858278</v>
      </c>
      <c r="K9" s="11">
        <v>6270079</v>
      </c>
    </row>
    <row r="10" spans="1:12" s="12" customFormat="1" ht="17.25" customHeight="1">
      <c r="A10" s="10" t="s">
        <v>20</v>
      </c>
      <c r="B10" s="11">
        <v>52774569</v>
      </c>
      <c r="C10" s="11">
        <v>7137513</v>
      </c>
      <c r="D10" s="11">
        <v>0</v>
      </c>
      <c r="E10" s="11">
        <v>6013046</v>
      </c>
      <c r="F10" s="11">
        <v>201223</v>
      </c>
      <c r="G10" s="11">
        <v>6214269</v>
      </c>
      <c r="H10" s="11">
        <v>90725</v>
      </c>
      <c r="I10" s="11">
        <v>6123544</v>
      </c>
      <c r="J10" s="11">
        <v>53899036</v>
      </c>
      <c r="K10" s="11">
        <v>1401638</v>
      </c>
      <c r="L10" s="9"/>
    </row>
    <row r="11" spans="1:12" s="12" customFormat="1" ht="17.25" customHeight="1">
      <c r="A11" s="10" t="s">
        <v>21</v>
      </c>
      <c r="B11" s="11">
        <v>28558329</v>
      </c>
      <c r="C11" s="11">
        <v>2617400</v>
      </c>
      <c r="D11" s="11">
        <v>0</v>
      </c>
      <c r="E11" s="11">
        <v>4155482</v>
      </c>
      <c r="F11" s="11">
        <v>133867</v>
      </c>
      <c r="G11" s="11">
        <v>4289349</v>
      </c>
      <c r="H11" s="11">
        <v>0</v>
      </c>
      <c r="I11" s="11">
        <v>4289349</v>
      </c>
      <c r="J11" s="11">
        <v>27020247</v>
      </c>
      <c r="K11" s="11">
        <v>1254516</v>
      </c>
      <c r="L11" s="9"/>
    </row>
    <row r="12" spans="1:12" s="12" customFormat="1" ht="17.25" customHeight="1">
      <c r="A12" s="10" t="s">
        <v>22</v>
      </c>
      <c r="B12" s="11">
        <v>78803398</v>
      </c>
      <c r="C12" s="11">
        <v>7558800</v>
      </c>
      <c r="D12" s="11">
        <v>-1</v>
      </c>
      <c r="E12" s="11">
        <v>9548795</v>
      </c>
      <c r="F12" s="11">
        <v>277322</v>
      </c>
      <c r="G12" s="11">
        <v>9826117</v>
      </c>
      <c r="H12" s="11">
        <v>0</v>
      </c>
      <c r="I12" s="11">
        <v>9826117</v>
      </c>
      <c r="J12" s="11">
        <v>76813402</v>
      </c>
      <c r="K12" s="11">
        <v>4941942</v>
      </c>
      <c r="L12" s="9"/>
    </row>
    <row r="13" spans="1:12" s="12" customFormat="1" ht="17.25" customHeight="1">
      <c r="A13" s="10" t="s">
        <v>23</v>
      </c>
      <c r="B13" s="11">
        <v>57306222</v>
      </c>
      <c r="C13" s="11">
        <v>6231985</v>
      </c>
      <c r="D13" s="11">
        <v>0</v>
      </c>
      <c r="E13" s="11">
        <v>5914021</v>
      </c>
      <c r="F13" s="11">
        <v>194403</v>
      </c>
      <c r="G13" s="11">
        <v>6108424</v>
      </c>
      <c r="H13" s="11">
        <v>255837</v>
      </c>
      <c r="I13" s="11">
        <v>5852587</v>
      </c>
      <c r="J13" s="11">
        <v>57624186</v>
      </c>
      <c r="K13" s="11">
        <v>996240</v>
      </c>
      <c r="L13" s="9"/>
    </row>
    <row r="14" spans="1:12" s="12" customFormat="1" ht="17.25" customHeight="1">
      <c r="A14" s="10" t="s">
        <v>24</v>
      </c>
      <c r="B14" s="11">
        <v>59671908</v>
      </c>
      <c r="C14" s="11">
        <v>10947099</v>
      </c>
      <c r="D14" s="11">
        <v>0</v>
      </c>
      <c r="E14" s="11">
        <v>5700055</v>
      </c>
      <c r="F14" s="11">
        <v>210799</v>
      </c>
      <c r="G14" s="11">
        <v>5910854</v>
      </c>
      <c r="H14" s="11">
        <v>0</v>
      </c>
      <c r="I14" s="11">
        <v>5910854</v>
      </c>
      <c r="J14" s="11">
        <v>64918952</v>
      </c>
      <c r="K14" s="11">
        <v>2179402</v>
      </c>
      <c r="L14" s="9"/>
    </row>
    <row r="15" spans="1:12" s="12" customFormat="1" ht="17.25" customHeight="1">
      <c r="A15" s="10" t="s">
        <v>25</v>
      </c>
      <c r="B15" s="11">
        <v>15941879</v>
      </c>
      <c r="C15" s="11">
        <v>1041110</v>
      </c>
      <c r="D15" s="11">
        <v>0</v>
      </c>
      <c r="E15" s="11">
        <v>1685119</v>
      </c>
      <c r="F15" s="11">
        <v>54537</v>
      </c>
      <c r="G15" s="11">
        <v>1739656</v>
      </c>
      <c r="H15" s="11">
        <v>17880</v>
      </c>
      <c r="I15" s="11">
        <v>1721776</v>
      </c>
      <c r="J15" s="11">
        <v>15297870</v>
      </c>
      <c r="K15" s="11">
        <v>518589</v>
      </c>
      <c r="L15" s="9"/>
    </row>
    <row r="16" spans="1:12" s="12" customFormat="1" ht="17.25" customHeight="1">
      <c r="A16" s="10" t="s">
        <v>26</v>
      </c>
      <c r="B16" s="11">
        <v>19834192</v>
      </c>
      <c r="C16" s="11">
        <v>1748492</v>
      </c>
      <c r="D16" s="11">
        <v>0</v>
      </c>
      <c r="E16" s="11">
        <v>1986589</v>
      </c>
      <c r="F16" s="11">
        <v>58513</v>
      </c>
      <c r="G16" s="11">
        <v>2045102</v>
      </c>
      <c r="H16" s="11">
        <v>48667</v>
      </c>
      <c r="I16" s="11">
        <v>1996435</v>
      </c>
      <c r="J16" s="11">
        <v>19596095</v>
      </c>
      <c r="K16" s="11">
        <v>674940</v>
      </c>
      <c r="L16" s="9"/>
    </row>
    <row r="17" spans="1:12" s="12" customFormat="1" ht="17.25" customHeight="1">
      <c r="A17" s="10" t="s">
        <v>27</v>
      </c>
      <c r="B17" s="11">
        <v>31770545</v>
      </c>
      <c r="C17" s="11">
        <v>2461300</v>
      </c>
      <c r="D17" s="11">
        <v>0</v>
      </c>
      <c r="E17" s="11">
        <v>3271132</v>
      </c>
      <c r="F17" s="11">
        <v>69558</v>
      </c>
      <c r="G17" s="11">
        <v>3340690</v>
      </c>
      <c r="H17" s="11">
        <v>17984</v>
      </c>
      <c r="I17" s="11">
        <v>3322706</v>
      </c>
      <c r="J17" s="11">
        <v>30960713</v>
      </c>
      <c r="K17" s="11">
        <v>1548175</v>
      </c>
      <c r="L17" s="9"/>
    </row>
    <row r="18" spans="1:12" s="12" customFormat="1" ht="17.25" customHeight="1">
      <c r="A18" s="10" t="s">
        <v>28</v>
      </c>
      <c r="B18" s="11">
        <v>67207396</v>
      </c>
      <c r="C18" s="11">
        <v>13025000</v>
      </c>
      <c r="D18" s="11">
        <v>0</v>
      </c>
      <c r="E18" s="11">
        <v>5898477</v>
      </c>
      <c r="F18" s="11">
        <v>335846</v>
      </c>
      <c r="G18" s="11">
        <v>6234323</v>
      </c>
      <c r="H18" s="11">
        <v>674444</v>
      </c>
      <c r="I18" s="11">
        <v>5559879</v>
      </c>
      <c r="J18" s="11">
        <v>74333919</v>
      </c>
      <c r="K18" s="11">
        <v>1827035</v>
      </c>
      <c r="L18" s="9"/>
    </row>
    <row r="19" spans="1:12" s="12" customFormat="1" ht="17.25" customHeight="1">
      <c r="A19" s="10" t="s">
        <v>29</v>
      </c>
      <c r="B19" s="11">
        <v>57000662</v>
      </c>
      <c r="C19" s="11">
        <v>2667694</v>
      </c>
      <c r="D19" s="11">
        <v>0</v>
      </c>
      <c r="E19" s="11">
        <v>5708740</v>
      </c>
      <c r="F19" s="11">
        <v>231243</v>
      </c>
      <c r="G19" s="11">
        <v>5939983</v>
      </c>
      <c r="H19" s="11">
        <v>53502</v>
      </c>
      <c r="I19" s="11">
        <v>5886481</v>
      </c>
      <c r="J19" s="11">
        <v>53959616</v>
      </c>
      <c r="K19" s="11">
        <v>2855790</v>
      </c>
      <c r="L19" s="9"/>
    </row>
    <row r="20" spans="1:12" s="12" customFormat="1" ht="17.25" customHeight="1">
      <c r="A20" s="10" t="s">
        <v>30</v>
      </c>
      <c r="B20" s="11">
        <v>19323397</v>
      </c>
      <c r="C20" s="11">
        <v>1888300</v>
      </c>
      <c r="D20" s="11">
        <v>0</v>
      </c>
      <c r="E20" s="11">
        <v>2524816</v>
      </c>
      <c r="F20" s="11">
        <v>65419</v>
      </c>
      <c r="G20" s="11">
        <v>2590235</v>
      </c>
      <c r="H20" s="11">
        <v>20641</v>
      </c>
      <c r="I20" s="11">
        <v>2569594</v>
      </c>
      <c r="J20" s="11">
        <v>18686881</v>
      </c>
      <c r="K20" s="11">
        <v>713516</v>
      </c>
      <c r="L20" s="9"/>
    </row>
    <row r="21" spans="1:12" s="12" customFormat="1" ht="17.25" customHeight="1">
      <c r="A21" s="10" t="s">
        <v>31</v>
      </c>
      <c r="B21" s="11">
        <v>28411574</v>
      </c>
      <c r="C21" s="11">
        <v>2448900</v>
      </c>
      <c r="D21" s="11">
        <v>0</v>
      </c>
      <c r="E21" s="11">
        <v>2838202</v>
      </c>
      <c r="F21" s="11">
        <v>152595</v>
      </c>
      <c r="G21" s="11">
        <v>2990797</v>
      </c>
      <c r="H21" s="11">
        <v>0</v>
      </c>
      <c r="I21" s="11">
        <v>2990797</v>
      </c>
      <c r="J21" s="11">
        <v>28022272</v>
      </c>
      <c r="K21" s="11">
        <v>2451297</v>
      </c>
      <c r="L21" s="9"/>
    </row>
    <row r="22" spans="1:12" s="12" customFormat="1" ht="17.25" customHeight="1">
      <c r="A22" s="10" t="s">
        <v>32</v>
      </c>
      <c r="B22" s="11">
        <v>23342867</v>
      </c>
      <c r="C22" s="11">
        <v>1689300</v>
      </c>
      <c r="D22" s="11">
        <v>0</v>
      </c>
      <c r="E22" s="11">
        <v>2564724</v>
      </c>
      <c r="F22" s="11">
        <v>71896</v>
      </c>
      <c r="G22" s="11">
        <v>2636620</v>
      </c>
      <c r="H22" s="11">
        <v>0</v>
      </c>
      <c r="I22" s="11">
        <v>2636620</v>
      </c>
      <c r="J22" s="11">
        <v>22467443</v>
      </c>
      <c r="K22" s="11">
        <v>671834</v>
      </c>
      <c r="L22" s="9"/>
    </row>
    <row r="23" spans="1:12" s="12" customFormat="1" ht="17.25" customHeight="1">
      <c r="A23" s="10" t="s">
        <v>33</v>
      </c>
      <c r="B23" s="11">
        <v>14415608</v>
      </c>
      <c r="C23" s="11">
        <v>532614</v>
      </c>
      <c r="D23" s="11">
        <v>0</v>
      </c>
      <c r="E23" s="11">
        <v>1228631</v>
      </c>
      <c r="F23" s="11">
        <v>53912</v>
      </c>
      <c r="G23" s="11">
        <v>1282543</v>
      </c>
      <c r="H23" s="11">
        <v>0</v>
      </c>
      <c r="I23" s="11">
        <v>1282543</v>
      </c>
      <c r="J23" s="11">
        <v>13719591</v>
      </c>
      <c r="K23" s="11">
        <v>191560</v>
      </c>
      <c r="L23" s="9"/>
    </row>
    <row r="24" spans="1:12" ht="17.25" customHeight="1">
      <c r="A24" s="18" t="s">
        <v>34</v>
      </c>
      <c r="B24" s="19">
        <v>14149070</v>
      </c>
      <c r="C24" s="19">
        <v>1256585</v>
      </c>
      <c r="D24" s="19">
        <v>1</v>
      </c>
      <c r="E24" s="19">
        <v>1703753</v>
      </c>
      <c r="F24" s="19">
        <v>48256</v>
      </c>
      <c r="G24" s="19">
        <v>1752009</v>
      </c>
      <c r="H24" s="19">
        <v>0</v>
      </c>
      <c r="I24" s="19">
        <v>1752009</v>
      </c>
      <c r="J24" s="19">
        <v>13701903</v>
      </c>
      <c r="K24" s="19">
        <v>594351</v>
      </c>
    </row>
    <row r="25" spans="1:12" ht="17.25" customHeight="1">
      <c r="A25" s="10" t="s">
        <v>35</v>
      </c>
      <c r="B25" s="11">
        <v>5601774</v>
      </c>
      <c r="C25" s="11">
        <v>603296</v>
      </c>
      <c r="D25" s="11">
        <v>0</v>
      </c>
      <c r="E25" s="11">
        <v>508014</v>
      </c>
      <c r="F25" s="11">
        <v>13858</v>
      </c>
      <c r="G25" s="11">
        <v>521872</v>
      </c>
      <c r="H25" s="11">
        <v>0</v>
      </c>
      <c r="I25" s="11">
        <v>521872</v>
      </c>
      <c r="J25" s="11">
        <v>5697056</v>
      </c>
      <c r="K25" s="11">
        <v>0</v>
      </c>
    </row>
    <row r="26" spans="1:12" s="12" customFormat="1" ht="17.25" customHeight="1">
      <c r="A26" s="10" t="s">
        <v>36</v>
      </c>
      <c r="B26" s="11">
        <v>7262706</v>
      </c>
      <c r="C26" s="11">
        <v>887100</v>
      </c>
      <c r="D26" s="11">
        <v>-1</v>
      </c>
      <c r="E26" s="11">
        <v>961896</v>
      </c>
      <c r="F26" s="11">
        <v>27191</v>
      </c>
      <c r="G26" s="11">
        <v>989087</v>
      </c>
      <c r="H26" s="11">
        <v>0</v>
      </c>
      <c r="I26" s="11">
        <v>989087</v>
      </c>
      <c r="J26" s="11">
        <v>7187909</v>
      </c>
      <c r="K26" s="11">
        <v>64824</v>
      </c>
      <c r="L26" s="9"/>
    </row>
    <row r="27" spans="1:12" s="12" customFormat="1" ht="17.25" customHeight="1">
      <c r="A27" s="10" t="s">
        <v>37</v>
      </c>
      <c r="B27" s="11">
        <v>7519363</v>
      </c>
      <c r="C27" s="11">
        <v>331900</v>
      </c>
      <c r="D27" s="11">
        <v>0</v>
      </c>
      <c r="E27" s="11">
        <v>681090</v>
      </c>
      <c r="F27" s="11">
        <v>17750</v>
      </c>
      <c r="G27" s="11">
        <v>698840</v>
      </c>
      <c r="H27" s="11">
        <v>33473</v>
      </c>
      <c r="I27" s="11">
        <v>665367</v>
      </c>
      <c r="J27" s="11">
        <v>7170173</v>
      </c>
      <c r="K27" s="11">
        <v>1207421</v>
      </c>
      <c r="L27" s="9"/>
    </row>
    <row r="28" spans="1:12" s="12" customFormat="1" ht="17.25" customHeight="1">
      <c r="A28" s="10" t="s">
        <v>38</v>
      </c>
      <c r="B28" s="11">
        <v>6526488</v>
      </c>
      <c r="C28" s="11">
        <v>376300</v>
      </c>
      <c r="D28" s="11">
        <v>0</v>
      </c>
      <c r="E28" s="11">
        <v>682915</v>
      </c>
      <c r="F28" s="11">
        <v>24895</v>
      </c>
      <c r="G28" s="11">
        <v>707810</v>
      </c>
      <c r="H28" s="11">
        <v>0</v>
      </c>
      <c r="I28" s="11">
        <v>707810</v>
      </c>
      <c r="J28" s="11">
        <v>6219873</v>
      </c>
      <c r="K28" s="11">
        <v>393437</v>
      </c>
      <c r="L28" s="9"/>
    </row>
    <row r="29" spans="1:12" s="12" customFormat="1" ht="17.25" customHeight="1">
      <c r="A29" s="10" t="s">
        <v>39</v>
      </c>
      <c r="B29" s="11">
        <v>266187</v>
      </c>
      <c r="C29" s="11">
        <v>0</v>
      </c>
      <c r="D29" s="11">
        <v>0</v>
      </c>
      <c r="E29" s="11">
        <v>65089</v>
      </c>
      <c r="F29" s="11">
        <v>678</v>
      </c>
      <c r="G29" s="11">
        <v>65767</v>
      </c>
      <c r="H29" s="11">
        <v>0</v>
      </c>
      <c r="I29" s="11">
        <v>65767</v>
      </c>
      <c r="J29" s="11">
        <v>201098</v>
      </c>
      <c r="K29" s="11">
        <v>600</v>
      </c>
      <c r="L29" s="9"/>
    </row>
    <row r="30" spans="1:12" s="12" customFormat="1" ht="17.25" customHeight="1">
      <c r="A30" s="10" t="s">
        <v>40</v>
      </c>
      <c r="B30" s="11">
        <v>2975940</v>
      </c>
      <c r="C30" s="11">
        <v>20000</v>
      </c>
      <c r="D30" s="11">
        <v>0</v>
      </c>
      <c r="E30" s="11">
        <v>247035</v>
      </c>
      <c r="F30" s="11">
        <v>6057</v>
      </c>
      <c r="G30" s="11">
        <v>253092</v>
      </c>
      <c r="H30" s="11">
        <v>0</v>
      </c>
      <c r="I30" s="11">
        <v>253092</v>
      </c>
      <c r="J30" s="11">
        <v>2748905</v>
      </c>
      <c r="K30" s="11">
        <v>83881</v>
      </c>
      <c r="L30" s="9"/>
    </row>
    <row r="31" spans="1:12" s="12" customFormat="1" ht="17.25" customHeight="1">
      <c r="A31" s="10" t="s">
        <v>41</v>
      </c>
      <c r="B31" s="11">
        <v>5404875</v>
      </c>
      <c r="C31" s="11">
        <v>223500</v>
      </c>
      <c r="D31" s="11">
        <v>0</v>
      </c>
      <c r="E31" s="11">
        <v>424709</v>
      </c>
      <c r="F31" s="11">
        <v>23109</v>
      </c>
      <c r="G31" s="11">
        <v>447818</v>
      </c>
      <c r="H31" s="11">
        <v>0</v>
      </c>
      <c r="I31" s="11">
        <v>447818</v>
      </c>
      <c r="J31" s="11">
        <v>5203666</v>
      </c>
      <c r="K31" s="11">
        <v>70472</v>
      </c>
      <c r="L31" s="9"/>
    </row>
    <row r="32" spans="1:12" s="12" customFormat="1" ht="17.25" customHeight="1">
      <c r="A32" s="10" t="s">
        <v>42</v>
      </c>
      <c r="B32" s="11">
        <v>3441973</v>
      </c>
      <c r="C32" s="11">
        <v>212792</v>
      </c>
      <c r="D32" s="11">
        <v>-1</v>
      </c>
      <c r="E32" s="11">
        <v>408846</v>
      </c>
      <c r="F32" s="11">
        <v>8170</v>
      </c>
      <c r="G32" s="11">
        <v>417016</v>
      </c>
      <c r="H32" s="11">
        <v>1060</v>
      </c>
      <c r="I32" s="11">
        <v>415956</v>
      </c>
      <c r="J32" s="11">
        <v>3245918</v>
      </c>
      <c r="K32" s="11">
        <v>34651</v>
      </c>
      <c r="L32" s="9"/>
    </row>
    <row r="33" spans="1:12" s="12" customFormat="1" ht="17.25" customHeight="1">
      <c r="A33" s="10" t="s">
        <v>43</v>
      </c>
      <c r="B33" s="11">
        <v>7112741</v>
      </c>
      <c r="C33" s="11">
        <v>560400</v>
      </c>
      <c r="D33" s="11">
        <v>0</v>
      </c>
      <c r="E33" s="11">
        <v>539610</v>
      </c>
      <c r="F33" s="11">
        <v>31449</v>
      </c>
      <c r="G33" s="11">
        <v>571059</v>
      </c>
      <c r="H33" s="11">
        <v>0</v>
      </c>
      <c r="I33" s="11">
        <v>571059</v>
      </c>
      <c r="J33" s="11">
        <v>7133531</v>
      </c>
      <c r="K33" s="11">
        <v>229654</v>
      </c>
      <c r="L33" s="9"/>
    </row>
    <row r="34" spans="1:12" s="12" customFormat="1" ht="17.25" customHeight="1">
      <c r="A34" s="10" t="s">
        <v>44</v>
      </c>
      <c r="B34" s="11">
        <v>6794099</v>
      </c>
      <c r="C34" s="11">
        <v>1556000</v>
      </c>
      <c r="D34" s="11">
        <v>0</v>
      </c>
      <c r="E34" s="11">
        <v>843070</v>
      </c>
      <c r="F34" s="11">
        <v>17563</v>
      </c>
      <c r="G34" s="11">
        <v>860633</v>
      </c>
      <c r="H34" s="11">
        <v>629</v>
      </c>
      <c r="I34" s="11">
        <v>860004</v>
      </c>
      <c r="J34" s="11">
        <v>7507029</v>
      </c>
      <c r="K34" s="11">
        <v>1003</v>
      </c>
      <c r="L34" s="9"/>
    </row>
    <row r="35" spans="1:12" s="12" customFormat="1" ht="17.25" customHeight="1">
      <c r="A35" s="10" t="s">
        <v>45</v>
      </c>
      <c r="B35" s="11">
        <v>2991549</v>
      </c>
      <c r="C35" s="11">
        <v>127518</v>
      </c>
      <c r="D35" s="11">
        <v>0</v>
      </c>
      <c r="E35" s="11">
        <v>412027</v>
      </c>
      <c r="F35" s="11">
        <v>11296</v>
      </c>
      <c r="G35" s="11">
        <v>423323</v>
      </c>
      <c r="H35" s="11">
        <v>3948</v>
      </c>
      <c r="I35" s="11">
        <v>419375</v>
      </c>
      <c r="J35" s="11">
        <v>2707040</v>
      </c>
      <c r="K35" s="11">
        <v>0</v>
      </c>
      <c r="L35" s="9"/>
    </row>
    <row r="36" spans="1:12" s="12" customFormat="1" ht="17.25" customHeight="1">
      <c r="A36" s="10" t="s">
        <v>46</v>
      </c>
      <c r="B36" s="11">
        <v>9420291</v>
      </c>
      <c r="C36" s="11">
        <v>171300</v>
      </c>
      <c r="D36" s="11">
        <v>0</v>
      </c>
      <c r="E36" s="11">
        <v>846102</v>
      </c>
      <c r="F36" s="11">
        <v>32226</v>
      </c>
      <c r="G36" s="11">
        <v>878328</v>
      </c>
      <c r="H36" s="11">
        <v>12076</v>
      </c>
      <c r="I36" s="11">
        <v>866252</v>
      </c>
      <c r="J36" s="11">
        <v>8745489</v>
      </c>
      <c r="K36" s="11">
        <v>291568</v>
      </c>
      <c r="L36" s="9"/>
    </row>
    <row r="37" spans="1:12" s="12" customFormat="1" ht="17.25" customHeight="1">
      <c r="A37" s="10" t="s">
        <v>47</v>
      </c>
      <c r="B37" s="11">
        <v>5990797</v>
      </c>
      <c r="C37" s="11">
        <v>337900</v>
      </c>
      <c r="D37" s="11">
        <v>0</v>
      </c>
      <c r="E37" s="11">
        <v>778276</v>
      </c>
      <c r="F37" s="11">
        <v>20667</v>
      </c>
      <c r="G37" s="11">
        <v>798943</v>
      </c>
      <c r="H37" s="11">
        <v>11686</v>
      </c>
      <c r="I37" s="11">
        <v>787257</v>
      </c>
      <c r="J37" s="11">
        <v>5550421</v>
      </c>
      <c r="K37" s="11">
        <v>134997</v>
      </c>
      <c r="L37" s="9"/>
    </row>
    <row r="38" spans="1:12" ht="17.25" customHeight="1">
      <c r="A38" s="13" t="s">
        <v>48</v>
      </c>
      <c r="B38" s="14">
        <v>1063679</v>
      </c>
      <c r="C38" s="14">
        <v>12700</v>
      </c>
      <c r="D38" s="14">
        <v>-1</v>
      </c>
      <c r="E38" s="14">
        <v>61524</v>
      </c>
      <c r="F38" s="14">
        <v>1196</v>
      </c>
      <c r="G38" s="14">
        <v>62720</v>
      </c>
      <c r="H38" s="14">
        <v>0</v>
      </c>
      <c r="I38" s="14">
        <v>62720</v>
      </c>
      <c r="J38" s="14">
        <v>1014854</v>
      </c>
      <c r="K38" s="14">
        <v>0</v>
      </c>
    </row>
    <row r="39" spans="1:12" ht="17.25" customHeight="1">
      <c r="A39" s="15" t="s">
        <v>49</v>
      </c>
      <c r="B39" s="16">
        <v>4199491695</v>
      </c>
      <c r="C39" s="16">
        <v>265664618</v>
      </c>
      <c r="D39" s="16">
        <v>10</v>
      </c>
      <c r="E39" s="16">
        <v>349499673</v>
      </c>
      <c r="F39" s="16">
        <v>35161686</v>
      </c>
      <c r="G39" s="16">
        <v>384661359</v>
      </c>
      <c r="H39" s="16">
        <v>35205951</v>
      </c>
      <c r="I39" s="16">
        <v>349455408</v>
      </c>
      <c r="J39" s="16">
        <v>4115656650</v>
      </c>
      <c r="K39" s="16">
        <v>236934854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４）地方債現在高［&amp;P/&amp;N］&amp;R&amp;"ＭＳ ゴシック,標準"&amp;10
（単位：千円）</oddHeader>
  </headerFooter>
  <colBreaks count="1" manualBreakCount="1">
    <brk id="7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2-12T09:42:44Z</cp:lastPrinted>
  <dcterms:created xsi:type="dcterms:W3CDTF">2013-03-18T10:12:01Z</dcterms:created>
  <dcterms:modified xsi:type="dcterms:W3CDTF">2026-02-26T01:18:44Z</dcterms:modified>
</cp:coreProperties>
</file>